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4" r:id="rId5"/>
    <p:sldId id="263" r:id="rId6"/>
    <p:sldId id="268" r:id="rId7"/>
    <p:sldId id="273" r:id="rId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7B8BE11-514C-44BD-A22A-C7DFB7553A2C}" v="5" dt="2026-06-23T14:10:31.476"/>
    <p1510:client id="{4EDDFDAD-DF0A-4538-A1A6-B6B9431A6C8A}" v="2" dt="2026-06-24T06:30:22.59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79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50559D3-C290-49F5-A40B-FB9A5BE4F8DD}" type="datetimeFigureOut">
              <a:rPr lang="en-US" smtClean="0"/>
              <a:t>6/24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4CB4E2-F3D6-4364-A194-B07635CB3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44163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4C3A0B-4A3C-1F83-2316-2187C19A718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C7C62B8C-4118-A857-41D1-F9E242F10CC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A1090C-5A1B-19BC-CA70-73DCC5CF76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0363BE5-A791-3872-3BFC-0EE391CE3A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B9F48FC-E1E8-2BAD-95C7-7A55BFC0C7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91115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FA2B03E-4F25-86ED-3E02-B4F30CFFE5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F6F901F-FF58-A42C-3C4D-D61CAE62BE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1E3E3B3-1426-88CB-5174-0DD3EA04BC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5720136-F2A6-B983-458A-3C5205F100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37044EB-C47B-3947-1A3D-616F231B84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15070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8A1382E8-AC72-D02A-BE61-742E8297105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62FF0B5-35FD-DF21-D4AE-3FDE23A3EB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0DF0C82-CD6B-16A8-B6C6-0507D8A428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64C0B55-7125-6A33-8109-E3E11FB60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92F3F26-A1CA-8006-B06A-D0712F60AD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79028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1379045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1414585327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83BFAC3-9F4A-C840-2305-16190E6C65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A44A958-62B0-41CD-4299-2FFD707254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20AD598-6AF2-23C3-6C67-0F7B85401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75A3AA9-158A-BE75-F696-48AAB2F3AA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DACC28F-00FC-99BE-410B-9CFF8A80A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5905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38111C7-1D69-49C3-EB79-1AC2A326FC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0D075AF-9AF7-D541-40F5-1D952A205B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6435F95-DB45-8B8B-C34B-676AD07060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9673983-FE2F-3F7E-BA01-929902D5A9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86F86CE-2EEB-B28E-AE5D-A966116385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21449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E6C55A1-A7B1-1A65-A6F9-A7A9A241F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94E6577-008A-D93C-6E85-2371ABF6A4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DDD825E-2819-0C35-C41D-2353B35BE9E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51459F2-7B9E-E4DF-656B-6C39305A9B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7132FD5-A811-954F-B03B-F01F74106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E54CAEB-BCC2-2B33-2E59-9CB9512AEF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654194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5A5ED54-881A-7876-7A18-831F4EA0D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4D56F65-6A93-7FD5-F0E3-E617510DB0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D7DA438-0166-36DF-97BA-CBED430D245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13BFCB53-1D70-2F32-54A8-BF4E016E362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3B4597D-1892-1D0A-1CE6-80E31D4D50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9C15027B-50BF-75FF-4BBB-406E78A55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8A97D082-B076-4F0F-BC0B-F000714A46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A874314-FA1E-929E-BDED-485F24F6D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519354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2EE188-F599-AD61-03E2-15FA7C3EBF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08A6BB57-F4E2-FC03-40FC-668CDB705A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10687F4C-E4DD-04C8-6E8B-DBB28F6D1E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C2072C1A-520E-E617-9DD2-B4057CFDF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554519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96BC6D-B5EC-24C1-B5D5-B5EF5ACCB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BDF9E6B-C9D2-D385-5D9C-00D303959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182160E-0145-02EE-BF84-1117699F2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23412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26902F-8B50-E170-47C3-DAB51995C8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1B0D9BA-14DA-A0EA-0D89-6F24054DC4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062D2DC2-9FA2-E279-E40D-5B8F740EE7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B3AEF42-E7A2-4AC9-6DAE-AE0BA8ED7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9DDF185-D84E-AE85-8A2D-FC7FF19964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056DF3A-C386-C782-AE20-FE0585C8F9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95664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7D3403-A2F6-64E6-B430-DEF975289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126FCD5-85E5-C285-BB23-34736FE9F24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5A435B5-7E9F-93AF-1DE2-0FB7C80285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16E9143-E320-7F33-C1DE-B1324D0AA7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F320DFE-151E-4B16-3F65-E0B21BA3EC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989E253-8964-244E-9443-F5B98B0E5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758957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17581EC-2E5B-A104-5590-19D14EDE3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199E6A8-D721-590F-8101-17DD447EEE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C4DF7EB-A936-AFE8-C501-0D594DB1C2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F9E2E2-11AC-7C44-9E25-28ECF37D0494}" type="datetimeFigureOut">
              <a:rPr lang="fr-FR" smtClean="0"/>
              <a:t>24/06/2026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01C1A05-7832-60EE-F271-5348700DB8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24831FB-74F4-B8BA-41C0-F51B025C4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062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hyperlink" Target="https://www.iata.org/en/events/all/world-sustainability-symposium/" TargetMode="Externa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040C7FB-D01B-E394-9126-8ED1C711BC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57C117-CB30-BDE7-9E2D-CFB03C018175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Placeholder 67">
            <a:extLst>
              <a:ext uri="{FF2B5EF4-FFF2-40B4-BE49-F238E27FC236}">
                <a16:creationId xmlns:a16="http://schemas.microsoft.com/office/drawing/2014/main" id="{C795CE28-CC4C-1270-1714-649340DB2A02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8" r="68"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3545984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A913166-3AF7-51D2-1C44-8E13974A175A}"/>
              </a:ext>
            </a:extLst>
          </p:cNvPr>
          <p:cNvSpPr txBox="1">
            <a:spLocks/>
          </p:cNvSpPr>
          <p:nvPr/>
        </p:nvSpPr>
        <p:spPr>
          <a:xfrm>
            <a:off x="552450" y="524327"/>
            <a:ext cx="10562712" cy="148139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>
                <a:latin typeface="Aktiv Grotesk XBold" panose="020B0804020202020204" pitchFamily="34" charset="-78"/>
                <a:cs typeface="Aktiv Grotesk XBold" panose="020B0804020202020204" pitchFamily="34" charset="-78"/>
              </a:rPr>
              <a:t>Customize your own banner</a:t>
            </a:r>
          </a:p>
          <a:p>
            <a:r>
              <a:rPr lang="en-US" sz="360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#IATAWSS!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B775B25-C6CE-E938-B53E-2EE077480694}"/>
              </a:ext>
            </a:extLst>
          </p:cNvPr>
          <p:cNvSpPr/>
          <p:nvPr/>
        </p:nvSpPr>
        <p:spPr>
          <a:xfrm>
            <a:off x="7053591" y="646078"/>
            <a:ext cx="295275" cy="295275"/>
          </a:xfrm>
          <a:prstGeom prst="ellipse">
            <a:avLst/>
          </a:pr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76D45A8-4432-9B49-39C3-9B461D632F94}"/>
              </a:ext>
            </a:extLst>
          </p:cNvPr>
          <p:cNvSpPr/>
          <p:nvPr/>
        </p:nvSpPr>
        <p:spPr>
          <a:xfrm>
            <a:off x="631280" y="1612463"/>
            <a:ext cx="2183901" cy="80645"/>
          </a:xfrm>
          <a:prstGeom prst="rect">
            <a:avLst/>
          </a:prstGeom>
          <a:solidFill>
            <a:srgbClr val="1F32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1346968" y="1978901"/>
            <a:ext cx="8973676" cy="1815882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140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lang="en-US" sz="1400">
                <a:solidFill>
                  <a:srgbClr val="3333FF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en-US" sz="1400">
                <a:latin typeface="Aktiv Grotesk" panose="020B0504020202020204" pitchFamily="34" charset="0"/>
              </a:rPr>
              <a:t>In the next slide click </a:t>
            </a:r>
            <a:r>
              <a:rPr lang="en-US" sz="140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0" indent="0">
              <a:buNone/>
            </a:pPr>
            <a:endParaRPr lang="en-US" sz="140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lang="en-US" sz="140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Enter a message of your choice in the box</a:t>
            </a:r>
          </a:p>
          <a:p>
            <a:pPr marL="0" indent="0">
              <a:buNone/>
            </a:pPr>
            <a:endParaRPr lang="en-US" sz="140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3:</a:t>
            </a:r>
            <a:r>
              <a:rPr lang="en-US" sz="1400"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 </a:t>
            </a:r>
            <a:r>
              <a:rPr lang="en-US" sz="140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br>
              <a:rPr lang="en-US" sz="140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endParaRPr lang="en-US" sz="140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endParaRPr lang="en-US" sz="140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algn="ctr"/>
            <a:r>
              <a:rPr lang="en-US" sz="1400" b="1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, make sure to include the link to the </a:t>
            </a:r>
            <a:r>
              <a:rPr lang="en-US" sz="1400" b="1">
                <a:solidFill>
                  <a:srgbClr val="1F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SS website</a:t>
            </a:r>
            <a:r>
              <a:rPr lang="en-US" sz="1400" b="1">
                <a:solidFill>
                  <a:srgbClr val="1F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 </a:t>
            </a:r>
            <a:r>
              <a:rPr lang="en-US" sz="1400" b="1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and use </a:t>
            </a:r>
            <a:r>
              <a:rPr lang="en-US" sz="1400" b="1">
                <a:solidFill>
                  <a:srgbClr val="1F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#IATAWSS!</a:t>
            </a: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F7A01C62-2373-497F-6750-F11467CE0DD2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01757" y="5008110"/>
            <a:ext cx="986808" cy="1325563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9B7B8B36-DF25-A8B4-8436-58CA6B13DF06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/>
          <a:stretch/>
        </p:blipFill>
        <p:spPr>
          <a:xfrm>
            <a:off x="3890910" y="4388037"/>
            <a:ext cx="3759190" cy="2111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B61E3FA-6303-8F3B-8F1F-B737D23390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 l="68" r="68"/>
          <a:stretch/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GRADIENT" hidden="1">
            <a:extLst>
              <a:ext uri="{FF2B5EF4-FFF2-40B4-BE49-F238E27FC236}">
                <a16:creationId xmlns:a16="http://schemas.microsoft.com/office/drawing/2014/main" id="{FB566CBC-B02D-D8C0-EC57-B03626C810D1}"/>
              </a:ext>
            </a:extLst>
          </p:cNvPr>
          <p:cNvSpPr/>
          <p:nvPr/>
        </p:nvSpPr>
        <p:spPr>
          <a:xfrm>
            <a:off x="1409" y="0"/>
            <a:ext cx="12190591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63000">
                <a:schemeClr val="tx1">
                  <a:alpha val="0"/>
                </a:schemeClr>
              </a:gs>
            </a:gsLst>
            <a:lin ang="186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2" name="GRADIENT" hidden="1">
            <a:extLst>
              <a:ext uri="{FF2B5EF4-FFF2-40B4-BE49-F238E27FC236}">
                <a16:creationId xmlns:a16="http://schemas.microsoft.com/office/drawing/2014/main" id="{FF408B7C-FF3C-549B-E37E-D2AADBEB5467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9000">
                <a:schemeClr val="tx1">
                  <a:alpha val="40000"/>
                </a:schemeClr>
              </a:gs>
              <a:gs pos="27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144"/>
              <a:t> </a:t>
            </a:r>
          </a:p>
        </p:txBody>
      </p:sp>
      <p:sp>
        <p:nvSpPr>
          <p:cNvPr id="14" name="GRADIENT">
            <a:extLst>
              <a:ext uri="{FF2B5EF4-FFF2-40B4-BE49-F238E27FC236}">
                <a16:creationId xmlns:a16="http://schemas.microsoft.com/office/drawing/2014/main" id="{711B2570-9ED1-55F6-1F4C-E5CFA54EA22E}"/>
              </a:ext>
            </a:extLst>
          </p:cNvPr>
          <p:cNvSpPr/>
          <p:nvPr/>
        </p:nvSpPr>
        <p:spPr>
          <a:xfrm>
            <a:off x="1409" y="0"/>
            <a:ext cx="12190591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61C7CE-0140-1F2D-BD87-648D33FDED8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sp>
        <p:nvSpPr>
          <p:cNvPr id="7" name="Rectangle : coins arrondis 6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>
                <a:latin typeface="Aktiv Grotesk" panose="020B0504020202020204"/>
              </a:rPr>
              <a:t>Type </a:t>
            </a:r>
            <a:r>
              <a:rPr lang="fr-FR" sz="1800" b="1" err="1">
                <a:latin typeface="Aktiv Grotesk" panose="020B0504020202020204"/>
              </a:rPr>
              <a:t>your</a:t>
            </a:r>
            <a:r>
              <a:rPr lang="fr-FR" sz="1800" b="1">
                <a:latin typeface="Aktiv Grotesk" panose="020B0504020202020204"/>
              </a:rPr>
              <a:t> message </a:t>
            </a:r>
            <a:r>
              <a:rPr lang="fr-FR" sz="1800" b="1" err="1">
                <a:latin typeface="Aktiv Grotesk" panose="020B0504020202020204"/>
              </a:rPr>
              <a:t>here</a:t>
            </a:r>
            <a:r>
              <a:rPr lang="fr-FR" sz="1800" b="1">
                <a:latin typeface="Aktiv Grotesk" panose="020B0504020202020204"/>
              </a:rPr>
              <a:t> </a:t>
            </a:r>
            <a:r>
              <a:rPr lang="fr-FR" sz="1800">
                <a:latin typeface="Aktiv Grotesk" panose="020B0504020202020204"/>
              </a:rPr>
              <a:t>…</a:t>
            </a:r>
            <a:br>
              <a:rPr lang="fr-FR" sz="1800">
                <a:latin typeface="Aktiv Grotesk" panose="020B0504020202020204"/>
              </a:rPr>
            </a:br>
            <a:r>
              <a:rPr lang="fr-FR" sz="1800">
                <a:latin typeface="Aktiv Grotesk" panose="020B0504020202020204"/>
              </a:rPr>
              <a:t>You can </a:t>
            </a:r>
            <a:r>
              <a:rPr lang="fr-FR" sz="1800" err="1">
                <a:latin typeface="Aktiv Grotesk" panose="020B0504020202020204"/>
              </a:rPr>
              <a:t>add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your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name</a:t>
            </a:r>
            <a:r>
              <a:rPr lang="fr-FR" sz="1800">
                <a:latin typeface="Aktiv Grotesk" panose="020B0504020202020204"/>
              </a:rPr>
              <a:t>, </a:t>
            </a:r>
            <a:r>
              <a:rPr lang="fr-FR" sz="1800" err="1">
                <a:latin typeface="Aktiv Grotesk" panose="020B0504020202020204"/>
              </a:rPr>
              <a:t>your</a:t>
            </a:r>
            <a:r>
              <a:rPr lang="fr-FR" sz="1800">
                <a:latin typeface="Aktiv Grotesk" panose="020B0504020202020204"/>
              </a:rPr>
              <a:t> session or </a:t>
            </a:r>
            <a:r>
              <a:rPr lang="fr-FR" sz="1800" err="1">
                <a:latin typeface="Aktiv Grotesk" panose="020B0504020202020204"/>
              </a:rPr>
              <a:t>any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other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wording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you</a:t>
            </a:r>
            <a:r>
              <a:rPr lang="fr-FR" sz="1800">
                <a:latin typeface="Aktiv Grotesk" panose="020B0504020202020204"/>
              </a:rPr>
              <a:t> </a:t>
            </a:r>
            <a:r>
              <a:rPr lang="fr-FR" sz="1800" err="1">
                <a:latin typeface="Aktiv Grotesk" panose="020B0504020202020204"/>
              </a:rPr>
              <a:t>wish</a:t>
            </a:r>
            <a:r>
              <a:rPr lang="fr-FR" sz="1800">
                <a:latin typeface="Aktiv Grotesk" panose="020B0504020202020204"/>
              </a:rPr>
              <a:t>. </a:t>
            </a:r>
            <a:r>
              <a:rPr lang="fr-FR" sz="1800" err="1">
                <a:latin typeface="Aktiv Grotesk" panose="020B0504020202020204"/>
              </a:rPr>
              <a:t>Reduce</a:t>
            </a:r>
            <a:r>
              <a:rPr lang="fr-FR" sz="1800">
                <a:latin typeface="Aktiv Grotesk" panose="020B0504020202020204"/>
              </a:rPr>
              <a:t> font size as </a:t>
            </a:r>
            <a:r>
              <a:rPr lang="fr-FR" sz="1800" err="1">
                <a:latin typeface="Aktiv Grotesk" panose="020B0504020202020204"/>
              </a:rPr>
              <a:t>needed</a:t>
            </a:r>
            <a:r>
              <a:rPr lang="fr-FR" sz="1800">
                <a:latin typeface="Aktiv Grotesk" panose="020B0504020202020204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13">
            <a:extLst>
              <a:ext uri="{FF2B5EF4-FFF2-40B4-BE49-F238E27FC236}">
                <a16:creationId xmlns:a16="http://schemas.microsoft.com/office/drawing/2014/main" id="{80857514-0986-BF79-18DD-1E6249FAE2FC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" r="136"/>
          <a:stretch/>
        </p:blipFill>
        <p:spPr>
          <a:xfrm>
            <a:off x="0" y="0"/>
            <a:ext cx="12192000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219623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rofeevak\AppData\Local\Temp\Templafy\PowerPointVsto\Assets\a281c3c1-0421-4033-8c13-960a3b173e1f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Thème Office 2013 – 2022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DEB21435E05EF419D9C65C4E54882A5" ma:contentTypeVersion="11" ma:contentTypeDescription="Create a new document." ma:contentTypeScope="" ma:versionID="c0c25ef5bb24307f4b62dc672b3ef2f2">
  <xsd:schema xmlns:xsd="http://www.w3.org/2001/XMLSchema" xmlns:xs="http://www.w3.org/2001/XMLSchema" xmlns:p="http://schemas.microsoft.com/office/2006/metadata/properties" xmlns:ns2="0c4c20ca-eb45-4abc-a0db-172c6a4bb65b" xmlns:ns3="406fc2e1-dc5b-4992-87f9-b06145a5a39e" targetNamespace="http://schemas.microsoft.com/office/2006/metadata/properties" ma:root="true" ma:fieldsID="10fbc39b3841dab9e662e50edf48ed44" ns2:_="" ns3:_="">
    <xsd:import namespace="0c4c20ca-eb45-4abc-a0db-172c6a4bb65b"/>
    <xsd:import namespace="406fc2e1-dc5b-4992-87f9-b06145a5a39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c4c20ca-eb45-4abc-a0db-172c6a4bb65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06fc2e1-dc5b-4992-87f9-b06145a5a39e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2f57f08a-3279-4f45-bf6f-c81b8aa1c594}" ma:internalName="TaxCatchAll" ma:showField="CatchAllData" ma:web="406fc2e1-dc5b-4992-87f9-b06145a5a39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0c4c20ca-eb45-4abc-a0db-172c6a4bb65b">
      <Terms xmlns="http://schemas.microsoft.com/office/infopath/2007/PartnerControls"/>
    </lcf76f155ced4ddcb4097134ff3c332f>
    <TaxCatchAll xmlns="406fc2e1-dc5b-4992-87f9-b06145a5a39e" xsi:nil="true"/>
  </documentManagement>
</p:properties>
</file>

<file path=customXml/itemProps1.xml><?xml version="1.0" encoding="utf-8"?>
<ds:datastoreItem xmlns:ds="http://schemas.openxmlformats.org/officeDocument/2006/customXml" ds:itemID="{062A393A-3FF5-4F54-A8DE-08E774E5133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AA8A41B-EDFE-4D13-BB22-7189C4BB4C6F}">
  <ds:schemaRefs>
    <ds:schemaRef ds:uri="0c4c20ca-eb45-4abc-a0db-172c6a4bb65b"/>
    <ds:schemaRef ds:uri="406fc2e1-dc5b-4992-87f9-b06145a5a39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EDF9F978-0877-4DBA-8117-BF510FBD777E}">
  <ds:schemaRefs>
    <ds:schemaRef ds:uri="0c4c20ca-eb45-4abc-a0db-172c6a4bb65b"/>
    <ds:schemaRef ds:uri="406fc2e1-dc5b-4992-87f9-b06145a5a39e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6</Words>
  <Application>Microsoft Office PowerPoint</Application>
  <PresentationFormat>Widescreen</PresentationFormat>
  <Paragraphs>1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XBold</vt:lpstr>
      <vt:lpstr>Arial</vt:lpstr>
      <vt:lpstr>Calibri</vt:lpstr>
      <vt:lpstr>Calibri Light</vt:lpstr>
      <vt:lpstr>Wingdings</vt:lpstr>
      <vt:lpstr>Thème Office 2013 – 2022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Olga VDOVINA</dc:creator>
  <cp:lastModifiedBy>Ramya Sreenivasan</cp:lastModifiedBy>
  <cp:revision>3</cp:revision>
  <dcterms:created xsi:type="dcterms:W3CDTF">2023-05-03T10:45:50Z</dcterms:created>
  <dcterms:modified xsi:type="dcterms:W3CDTF">2026-06-24T06:30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DEB21435E05EF419D9C65C4E54882A5</vt:lpwstr>
  </property>
  <property fmtid="{D5CDD505-2E9C-101B-9397-08002B2CF9AE}" pid="3" name="MediaServiceImageTags">
    <vt:lpwstr/>
  </property>
  <property fmtid="{D5CDD505-2E9C-101B-9397-08002B2CF9AE}" pid="4" name="Order">
    <vt:r8>428300</vt:r8>
  </property>
  <property fmtid="{D5CDD505-2E9C-101B-9397-08002B2CF9AE}" pid="5" name="xd_Signature">
    <vt:bool>false</vt:bool>
  </property>
  <property fmtid="{D5CDD505-2E9C-101B-9397-08002B2CF9AE}" pid="6" name="SharedWithUsers">
    <vt:lpwstr>90;#Katie Erofeeva</vt:lpwstr>
  </property>
  <property fmtid="{D5CDD505-2E9C-101B-9397-08002B2CF9AE}" pid="7" name="xd_ProgID">
    <vt:lpwstr/>
  </property>
  <property fmtid="{D5CDD505-2E9C-101B-9397-08002B2CF9AE}" pid="8" name="ComplianceAssetId">
    <vt:lpwstr/>
  </property>
  <property fmtid="{D5CDD505-2E9C-101B-9397-08002B2CF9AE}" pid="9" name="TemplateUrl">
    <vt:lpwstr/>
  </property>
  <property fmtid="{D5CDD505-2E9C-101B-9397-08002B2CF9AE}" pid="10" name="_ExtendedDescription">
    <vt:lpwstr/>
  </property>
  <property fmtid="{D5CDD505-2E9C-101B-9397-08002B2CF9AE}" pid="11" name="TriggerFlowInfo">
    <vt:lpwstr/>
  </property>
  <property fmtid="{D5CDD505-2E9C-101B-9397-08002B2CF9AE}" pid="12" name="ClassificationContentMarkingHeaderLocations">
    <vt:lpwstr>Thème Office 2013 – 2022:8</vt:lpwstr>
  </property>
  <property fmtid="{D5CDD505-2E9C-101B-9397-08002B2CF9AE}" pid="13" name="ClassificationContentMarkingHeaderText">
    <vt:lpwstr>Unrestricted</vt:lpwstr>
  </property>
</Properties>
</file>